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3584" autoAdjust="0"/>
  </p:normalViewPr>
  <p:slideViewPr>
    <p:cSldViewPr snapToGrid="0">
      <p:cViewPr>
        <p:scale>
          <a:sx n="100" d="100"/>
          <a:sy n="100" d="100"/>
        </p:scale>
        <p:origin x="1008" y="7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7-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7-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iddelbur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7BA6D743-D094-2269-D108-EFF792029F4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16671" y="4427354"/>
            <a:ext cx="1426404" cy="220522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DCBE0C7-BC45-E9A8-841F-27A32EAE044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35676" y="4100801"/>
            <a:ext cx="855174" cy="132209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11-07T09:00:44Z</dcterms:modified>
</cp:coreProperties>
</file>